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630_2021 Hadička, set inf., set transf\02. Príprava\03. PTK\00. Pracovná verzia\"/>
    </mc:Choice>
  </mc:AlternateContent>
  <bookViews>
    <workbookView xWindow="-105" yWindow="-105" windowWidth="19425" windowHeight="10425"/>
  </bookViews>
  <sheets>
    <sheet name="Cenová ponuka" sheetId="8" r:id="rId1"/>
  </sheets>
  <definedNames>
    <definedName name="_xlnm.Print_Area" localSheetId="0">'Cenová ponuka'!$A$1:$E$16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5" uniqueCount="19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33140000-3 - Zdravotnícky spotrebný materiál</t>
  </si>
  <si>
    <t>Položka č.2</t>
  </si>
  <si>
    <t>Položka č.3</t>
  </si>
  <si>
    <t>Položka č.4</t>
  </si>
  <si>
    <t>1.1</t>
  </si>
  <si>
    <t>1.2</t>
  </si>
  <si>
    <t>1.3</t>
  </si>
  <si>
    <t>1.4</t>
  </si>
  <si>
    <t>1.5</t>
  </si>
  <si>
    <t>1.6</t>
  </si>
  <si>
    <t>1.7</t>
  </si>
  <si>
    <t>hydrofilný, mäkký</t>
  </si>
  <si>
    <t>2.1</t>
  </si>
  <si>
    <t>2.2</t>
  </si>
  <si>
    <t>2.3</t>
  </si>
  <si>
    <t>2.4</t>
  </si>
  <si>
    <t>2.5</t>
  </si>
  <si>
    <t>2.6</t>
  </si>
  <si>
    <t>3.6</t>
  </si>
  <si>
    <t>3.7</t>
  </si>
  <si>
    <t>3.8</t>
  </si>
  <si>
    <t>3.9</t>
  </si>
  <si>
    <t>4.1</t>
  </si>
  <si>
    <t>4.2</t>
  </si>
  <si>
    <t>4.3</t>
  </si>
  <si>
    <t>4.4</t>
  </si>
  <si>
    <t>4.5</t>
  </si>
  <si>
    <t>4.6</t>
  </si>
  <si>
    <t>4.7</t>
  </si>
  <si>
    <t>4.8</t>
  </si>
  <si>
    <t>4.9</t>
  </si>
  <si>
    <t xml:space="preserve">Kalkulácia ceny a návrh na plnenie kritéria na vyhodnotenie ponúk - Štruktúrovaný rozpočet ceny predmetu zákazky </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i>
    <t>Hadička spojovacia, set infúzny, set transfúzny</t>
  </si>
  <si>
    <t>Hadička spojovacia – dĺžka 450 mm</t>
  </si>
  <si>
    <t>Hadička spojovacia – dĺžka 1800 mm</t>
  </si>
  <si>
    <t xml:space="preserve">Infúzna súprava </t>
  </si>
  <si>
    <t>Transfúzna súprava</t>
  </si>
  <si>
    <t>Položka č. 1 - Hadička spojovacia – dĺžka 450 mm</t>
  </si>
  <si>
    <t xml:space="preserve">spája infúzne alebo transfúzna súpravy, štandardnej striekačky s ďalšími komponentmi (napr. i.v. kanyla, centrálny venózny katéter) </t>
  </si>
  <si>
    <t>materiál – PVC, transparentný, apyrogénny, bez obsahu ftalátov (DEHP) a latexu</t>
  </si>
  <si>
    <t>určené na jednorazové použitie</t>
  </si>
  <si>
    <t>zakončené pozitívnym  a negatívnym kužeľom Luer Lock, na jednom konci female a na druhom male</t>
  </si>
  <si>
    <t>balenie: 1 ks, sterilné</t>
  </si>
  <si>
    <t>Položka č. 2 - Hadička spojovacia – dĺžka 1800 mm</t>
  </si>
  <si>
    <t xml:space="preserve">Položka č. 3 - Infúzna súprava </t>
  </si>
  <si>
    <t xml:space="preserve">Položka č. 4 - Transfúzna súprava </t>
  </si>
  <si>
    <t xml:space="preserve">slúži na terapeutické podávanie infúznych a injekčných roztokov z fliaš alebo plastových vakov do žily pacienta </t>
  </si>
  <si>
    <t xml:space="preserve">zakončené pozitívnym  kužeľom / male  Luer Lock </t>
  </si>
  <si>
    <t>infúzny filter - 15 µm ,hydrofóbny anti-bakteriálny filter v zavzdušňovacom kanáliku dostatočne ostrého prepichovacieho tŕňa</t>
  </si>
  <si>
    <t>regulátorom prietoku pomocou kolieska, 20 kvapiek dest. vody = 1,0 ± 0,1 g</t>
  </si>
  <si>
    <t>mäkká, flexibilná hadička</t>
  </si>
  <si>
    <t>slúži na terapeutické podávanie transfúziu krvi a krvných derivátov, krvných náhrad do cievneho systému z fliaš alebo vakov</t>
  </si>
  <si>
    <t>materiál – PVC, transparentný, apyrogénny, netoxický, Bez obsahu ftalátov (DEHP) a latexu</t>
  </si>
  <si>
    <t>transfúzny filter – 200 - 350 µm ,hydrofóbny anti-bakteriálny filter v zavzdušňovacom kanáliku dostatočne ostrého prepichovacieho tŕňa</t>
  </si>
  <si>
    <t xml:space="preserve">rozmery: dĺžka:1400 - 1500 mm, vonkajší priemer 4,2 mm, vnútorný priemer 
3 mm </t>
  </si>
  <si>
    <t>rozmery: dĺžka:1800 mm, vonkajší priemer 2,9 – 3,0 mm, vnútorný priemer 
1,8 – 1,9 mm</t>
  </si>
  <si>
    <t>rozmery: dĺžka:450 mm, vonkajší priemer 2,9 – 3,0 mm, vnútorný priemer 
1,8 - 1,9 mm</t>
  </si>
  <si>
    <t>rozmery: dĺžka:1400 - 1500 mm, vonkajší priemer 4,2 mm, vnútorný priemer 
3 mm</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ložka č.5</t>
  </si>
  <si>
    <t>Položka č.6</t>
  </si>
  <si>
    <t>Infúzna súprava do pumpy</t>
  </si>
  <si>
    <t>Infúzna súprava INFUSOMAT SP</t>
  </si>
  <si>
    <t>Položka č. 5 - Infúzna súprava INFUSOMAT SP</t>
  </si>
  <si>
    <t>slúži na terapeutické podávanie infúznych a injekčných roztokov z fliaš alebo plastových vakov do žily pacienta cez Infusomat</t>
  </si>
  <si>
    <t>originálne príslušenstvo k infúznemu systému</t>
  </si>
  <si>
    <t>kompatibilný s prístrojovou technikou Infusomat® Space BBraun</t>
  </si>
  <si>
    <t>tlaková odolnosť 2 bar.</t>
  </si>
  <si>
    <t>zakončené pozitívnym  kužeľom / male  Luer Lock</t>
  </si>
  <si>
    <t>silikónový segment zaisťujúci dlhodobo vysokú presnosť podávania infúzie</t>
  </si>
  <si>
    <t>bezpečnostná svorka na hadičke na uzatvorenie prietoku</t>
  </si>
  <si>
    <t>regulátor prietoku pomocou Infusomatu</t>
  </si>
  <si>
    <t>rozmery: dĺžka: 2400 - 2500 mm, vonkajší priemer 4,1 - 4,2 mm, vnútorný priemer 3 mm</t>
  </si>
  <si>
    <t xml:space="preserve">balenie: 1 ks, sterilné </t>
  </si>
  <si>
    <t>infúzny filter - 15 µm, hydrofóbny anti-bakteriálny filter v zavzdušňovacom kanáliku dostatočne ostrého prepichovacieho tŕňa</t>
  </si>
  <si>
    <t xml:space="preserve">Položka č. 6 - Infúzna súprava do pumpy </t>
  </si>
  <si>
    <t>kompatibilný s prístrojovou technikou  TERUMO</t>
  </si>
  <si>
    <t>kvapkacia komôrka s nákružkom pre upevnenie do optického snímača kvapiek</t>
  </si>
  <si>
    <t>bezpečnostná svorka na hadičke na uzatvorenie prietoku mäkká, flexibilná hadička</t>
  </si>
  <si>
    <t>rozmery: dĺžka:1400 - 1500 mm, vonkajší priemer 4,1 - 4,2 mm, vnútorný priemer 3 m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medium">
        <color indexed="64"/>
      </left>
      <right style="thin">
        <color auto="1"/>
      </right>
      <top style="medium">
        <color indexed="64"/>
      </top>
      <bottom style="dotted">
        <color auto="1"/>
      </bottom>
      <diagonal/>
    </border>
    <border>
      <left style="thin">
        <color auto="1"/>
      </left>
      <right style="medium">
        <color indexed="64"/>
      </right>
      <top style="medium">
        <color indexed="64"/>
      </top>
      <bottom style="dotted">
        <color auto="1"/>
      </bottom>
      <diagonal/>
    </border>
    <border>
      <left style="thin">
        <color auto="1"/>
      </left>
      <right style="medium">
        <color indexed="64"/>
      </right>
      <top style="dotted">
        <color auto="1"/>
      </top>
      <bottom style="dotted">
        <color auto="1"/>
      </bottom>
      <diagonal/>
    </border>
    <border>
      <left style="thin">
        <color auto="1"/>
      </left>
      <right style="medium">
        <color indexed="64"/>
      </right>
      <top style="dotted">
        <color auto="1"/>
      </top>
      <bottom style="medium">
        <color indexed="64"/>
      </bottom>
      <diagonal/>
    </border>
    <border>
      <left/>
      <right/>
      <top style="thin">
        <color auto="1"/>
      </top>
      <bottom style="thin">
        <color auto="1"/>
      </bottom>
      <diagonal/>
    </border>
    <border>
      <left style="medium">
        <color auto="1"/>
      </left>
      <right style="thin">
        <color auto="1"/>
      </right>
      <top/>
      <bottom style="medium">
        <color auto="1"/>
      </bottom>
      <diagonal/>
    </border>
    <border>
      <left style="medium">
        <color auto="1"/>
      </left>
      <right style="thin">
        <color auto="1"/>
      </right>
      <top style="dotted">
        <color auto="1"/>
      </top>
      <bottom style="thin">
        <color indexed="64"/>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style="dotted">
        <color auto="1"/>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8"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4"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8"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5" xfId="0" applyFont="1" applyBorder="1" applyAlignment="1">
      <alignment horizontal="center" vertical="center" wrapText="1"/>
    </xf>
    <xf numFmtId="0" fontId="4" fillId="0" borderId="35" xfId="0" applyFont="1" applyBorder="1" applyAlignment="1">
      <alignment horizontal="left" vertical="center" wrapText="1"/>
    </xf>
    <xf numFmtId="16" fontId="4" fillId="0" borderId="35" xfId="0" applyNumberFormat="1" applyFont="1" applyBorder="1" applyAlignment="1">
      <alignment horizontal="center" vertical="center" wrapText="1"/>
    </xf>
    <xf numFmtId="49" fontId="5" fillId="0" borderId="19" xfId="1" applyNumberFormat="1" applyFont="1" applyBorder="1" applyAlignment="1">
      <alignment horizontal="center" vertical="top" wrapText="1"/>
    </xf>
    <xf numFmtId="49" fontId="2" fillId="0" borderId="36"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5" xfId="0" applyNumberFormat="1" applyFont="1" applyBorder="1" applyAlignment="1">
      <alignment horizontal="center" vertical="center" wrapText="1"/>
    </xf>
    <xf numFmtId="49" fontId="2" fillId="0" borderId="40" xfId="0" applyNumberFormat="1" applyFont="1" applyFill="1" applyBorder="1" applyAlignment="1">
      <alignment horizontal="left" vertical="center" wrapText="1"/>
    </xf>
    <xf numFmtId="0" fontId="7" fillId="0" borderId="42"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4"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10" fillId="0" borderId="0" xfId="0" applyFont="1" applyFill="1" applyAlignment="1">
      <alignment vertical="center" wrapText="1"/>
    </xf>
    <xf numFmtId="0" fontId="4" fillId="0" borderId="45" xfId="0" applyFont="1" applyBorder="1" applyAlignment="1">
      <alignment horizontal="center" vertical="center" wrapText="1"/>
    </xf>
    <xf numFmtId="0" fontId="4" fillId="0" borderId="9" xfId="0" applyFont="1" applyBorder="1" applyAlignment="1">
      <alignment horizontal="center" vertical="center" wrapText="1"/>
    </xf>
    <xf numFmtId="16" fontId="4" fillId="0" borderId="9" xfId="0" applyNumberFormat="1" applyFont="1" applyBorder="1" applyAlignment="1">
      <alignment horizontal="center" vertical="center" wrapText="1"/>
    </xf>
    <xf numFmtId="16" fontId="4" fillId="0" borderId="14" xfId="0" applyNumberFormat="1" applyFont="1" applyBorder="1" applyAlignment="1">
      <alignment horizontal="center" vertical="center" wrapText="1"/>
    </xf>
    <xf numFmtId="0" fontId="7" fillId="0" borderId="49" xfId="0" applyNumberFormat="1" applyFont="1" applyBorder="1" applyAlignment="1">
      <alignment horizontal="center" vertical="center" wrapText="1"/>
    </xf>
    <xf numFmtId="49" fontId="5" fillId="5" borderId="19" xfId="0" applyNumberFormat="1" applyFont="1" applyFill="1" applyBorder="1" applyAlignment="1">
      <alignment vertical="center" wrapText="1"/>
    </xf>
    <xf numFmtId="49" fontId="5" fillId="5" borderId="2" xfId="0" applyNumberFormat="1" applyFont="1" applyFill="1" applyBorder="1" applyAlignment="1">
      <alignment vertical="center" wrapText="1"/>
    </xf>
    <xf numFmtId="0" fontId="10" fillId="0" borderId="0" xfId="0" applyFont="1" applyBorder="1" applyAlignment="1">
      <alignment horizontal="center" vertical="center" wrapText="1"/>
    </xf>
    <xf numFmtId="49" fontId="2" fillId="0" borderId="50" xfId="0" applyNumberFormat="1" applyFont="1" applyFill="1" applyBorder="1" applyAlignment="1">
      <alignment horizontal="left" vertical="center" wrapText="1"/>
    </xf>
    <xf numFmtId="49" fontId="2" fillId="0" borderId="50" xfId="0" applyNumberFormat="1" applyFont="1" applyFill="1" applyBorder="1" applyAlignment="1">
      <alignment horizontal="center" vertical="center" wrapText="1"/>
    </xf>
    <xf numFmtId="0" fontId="2" fillId="0" borderId="52" xfId="0" applyFont="1" applyFill="1" applyBorder="1" applyAlignment="1">
      <alignment horizontal="left" vertical="center" wrapText="1"/>
    </xf>
    <xf numFmtId="49" fontId="2" fillId="0" borderId="51" xfId="0" applyNumberFormat="1" applyFont="1" applyFill="1" applyBorder="1" applyAlignment="1">
      <alignment horizontal="center" vertical="center" wrapText="1"/>
    </xf>
    <xf numFmtId="0" fontId="2" fillId="0" borderId="53"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3" fontId="13" fillId="0" borderId="15" xfId="0" applyNumberFormat="1" applyFont="1" applyFill="1" applyBorder="1" applyAlignment="1">
      <alignment horizontal="center" vertical="center" wrapText="1"/>
    </xf>
    <xf numFmtId="0" fontId="4" fillId="0" borderId="37"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14"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2" fillId="0" borderId="56"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2" fillId="0" borderId="16"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49" fontId="2" fillId="0" borderId="15" xfId="0" applyNumberFormat="1" applyFont="1" applyBorder="1" applyAlignment="1">
      <alignment horizontal="left"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49" fontId="5" fillId="5" borderId="1" xfId="0" applyNumberFormat="1" applyFont="1" applyFill="1" applyBorder="1" applyAlignment="1">
      <alignment horizontal="left" vertical="center" wrapText="1"/>
    </xf>
    <xf numFmtId="49" fontId="5" fillId="5" borderId="2" xfId="0" applyNumberFormat="1" applyFont="1" applyFill="1" applyBorder="1" applyAlignment="1">
      <alignment horizontal="left" vertical="center" wrapText="1"/>
    </xf>
    <xf numFmtId="49" fontId="2" fillId="0" borderId="36" xfId="0" applyNumberFormat="1" applyFont="1" applyBorder="1" applyAlignment="1">
      <alignment horizontal="left" vertical="center" wrapText="1"/>
    </xf>
    <xf numFmtId="49" fontId="2" fillId="0" borderId="38" xfId="0" applyNumberFormat="1" applyFont="1" applyBorder="1" applyAlignment="1">
      <alignment horizontal="left" vertical="center" wrapText="1"/>
    </xf>
    <xf numFmtId="0" fontId="2" fillId="0" borderId="5"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6" fillId="0" borderId="0" xfId="4" applyFont="1" applyAlignment="1">
      <alignment horizontal="left" vertical="center" wrapText="1"/>
    </xf>
    <xf numFmtId="0" fontId="2" fillId="0" borderId="43"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5"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57"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17" fontId="4" fillId="0" borderId="35" xfId="0" applyNumberFormat="1" applyFont="1" applyBorder="1" applyAlignment="1">
      <alignment horizontal="center" vertical="center" wrapText="1"/>
    </xf>
    <xf numFmtId="16" fontId="4" fillId="0" borderId="45" xfId="0" applyNumberFormat="1" applyFont="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5</xdr:row>
          <xdr:rowOff>38100</xdr:rowOff>
        </xdr:from>
        <xdr:to>
          <xdr:col>0</xdr:col>
          <xdr:colOff>533400</xdr:colOff>
          <xdr:row>36</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6</xdr:row>
          <xdr:rowOff>0</xdr:rowOff>
        </xdr:from>
        <xdr:to>
          <xdr:col>0</xdr:col>
          <xdr:colOff>523875</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80"/>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6" t="s">
        <v>50</v>
      </c>
      <c r="B1" s="146"/>
      <c r="C1" s="146"/>
      <c r="D1" s="146"/>
      <c r="E1" s="146"/>
    </row>
    <row r="2" spans="1:5" ht="27.75" customHeight="1" x14ac:dyDescent="0.2">
      <c r="A2" s="151" t="s">
        <v>48</v>
      </c>
      <c r="B2" s="151"/>
      <c r="C2" s="151"/>
      <c r="D2" s="151"/>
      <c r="E2" s="151"/>
    </row>
    <row r="3" spans="1:5" ht="56.1" customHeight="1" x14ac:dyDescent="0.2">
      <c r="A3" s="155" t="s">
        <v>54</v>
      </c>
      <c r="B3" s="155"/>
      <c r="C3" s="155"/>
      <c r="D3" s="155"/>
      <c r="E3" s="155"/>
    </row>
    <row r="4" spans="1:5" ht="24.95" customHeight="1" x14ac:dyDescent="0.2">
      <c r="A4" s="46" t="s">
        <v>53</v>
      </c>
      <c r="B4" s="52"/>
      <c r="C4" s="40"/>
      <c r="D4" s="40"/>
      <c r="E4" s="40"/>
    </row>
    <row r="5" spans="1:5" ht="24.95" customHeight="1" x14ac:dyDescent="0.2">
      <c r="A5" s="46" t="s">
        <v>51</v>
      </c>
      <c r="B5" s="53"/>
      <c r="C5" s="40"/>
      <c r="D5" s="40"/>
      <c r="E5" s="40"/>
    </row>
    <row r="6" spans="1:5" ht="5.0999999999999996" customHeight="1" x14ac:dyDescent="0.2">
      <c r="A6" s="40"/>
      <c r="B6" s="40"/>
      <c r="C6" s="40"/>
      <c r="D6" s="40"/>
      <c r="E6" s="40"/>
    </row>
    <row r="7" spans="1:5" s="2" customFormat="1" ht="20.100000000000001" customHeight="1" x14ac:dyDescent="0.25">
      <c r="A7" s="143" t="s">
        <v>4</v>
      </c>
      <c r="B7" s="143"/>
      <c r="C7" s="143"/>
      <c r="D7" s="143"/>
      <c r="E7" s="143"/>
    </row>
    <row r="8" spans="1:5" s="2" customFormat="1" ht="20.100000000000001" customHeight="1" x14ac:dyDescent="0.25">
      <c r="A8" s="156" t="s">
        <v>8</v>
      </c>
      <c r="B8" s="156"/>
      <c r="C8" s="156"/>
      <c r="D8" s="156"/>
      <c r="E8" s="156"/>
    </row>
    <row r="9" spans="1:5" ht="24.95" customHeight="1" x14ac:dyDescent="0.2">
      <c r="A9" s="157" t="s">
        <v>124</v>
      </c>
      <c r="B9" s="157"/>
      <c r="C9" s="157"/>
      <c r="D9" s="157"/>
      <c r="E9" s="157"/>
    </row>
    <row r="10" spans="1:5" ht="4.5" customHeight="1" x14ac:dyDescent="0.2">
      <c r="A10" s="42"/>
      <c r="B10" s="42"/>
      <c r="C10" s="42"/>
      <c r="D10" s="42"/>
      <c r="E10" s="42"/>
    </row>
    <row r="11" spans="1:5" s="2" customFormat="1" ht="20.100000000000001" customHeight="1" x14ac:dyDescent="0.25">
      <c r="A11" s="158" t="s">
        <v>9</v>
      </c>
      <c r="B11" s="158"/>
      <c r="C11" s="158"/>
      <c r="D11" s="158"/>
      <c r="E11" s="158"/>
    </row>
    <row r="12" spans="1:5" s="2" customFormat="1" ht="24.95" customHeight="1" x14ac:dyDescent="0.2">
      <c r="A12" s="147" t="s">
        <v>90</v>
      </c>
      <c r="B12" s="147"/>
      <c r="C12" s="147"/>
      <c r="D12" s="16"/>
      <c r="E12" s="16"/>
    </row>
    <row r="13" spans="1:5" s="3" customFormat="1" ht="20.100000000000001" customHeight="1" x14ac:dyDescent="0.25">
      <c r="A13" s="147" t="s">
        <v>25</v>
      </c>
      <c r="B13" s="147"/>
      <c r="C13" s="147"/>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64" t="s">
        <v>60</v>
      </c>
      <c r="B16" s="164"/>
      <c r="C16" s="164"/>
      <c r="D16" s="22"/>
      <c r="E16" s="23"/>
    </row>
    <row r="17" spans="1:5" ht="5.0999999999999996" customHeight="1" x14ac:dyDescent="0.2">
      <c r="A17" s="150"/>
      <c r="B17" s="150"/>
      <c r="C17" s="150"/>
      <c r="E17" s="17"/>
    </row>
    <row r="18" spans="1:5" s="2" customFormat="1" ht="20.100000000000001" customHeight="1" x14ac:dyDescent="0.25">
      <c r="A18" s="143" t="s">
        <v>22</v>
      </c>
      <c r="B18" s="143"/>
      <c r="C18" s="143"/>
      <c r="D18" s="143"/>
      <c r="E18" s="143"/>
    </row>
    <row r="19" spans="1:5" ht="24.95" customHeight="1" x14ac:dyDescent="0.2">
      <c r="A19" s="147" t="s">
        <v>124</v>
      </c>
      <c r="B19" s="147"/>
      <c r="C19" s="147"/>
      <c r="D19" s="147"/>
      <c r="E19" s="147"/>
    </row>
    <row r="20" spans="1:5" ht="5.0999999999999996" customHeight="1" x14ac:dyDescent="0.2">
      <c r="A20" s="150"/>
      <c r="B20" s="150"/>
      <c r="C20" s="150"/>
      <c r="E20" s="17"/>
    </row>
    <row r="21" spans="1:5" s="2" customFormat="1" ht="20.100000000000001" customHeight="1" x14ac:dyDescent="0.25">
      <c r="A21" s="143" t="s">
        <v>23</v>
      </c>
      <c r="B21" s="143"/>
      <c r="C21" s="143"/>
      <c r="D21" s="143"/>
      <c r="E21" s="143"/>
    </row>
    <row r="22" spans="1:5" s="9" customFormat="1" ht="20.100000000000001" customHeight="1" x14ac:dyDescent="0.25">
      <c r="A22" s="161" t="s">
        <v>5</v>
      </c>
      <c r="B22" s="161"/>
      <c r="C22" s="161"/>
      <c r="D22" s="161"/>
      <c r="E22" s="161"/>
    </row>
    <row r="23" spans="1:5" s="9" customFormat="1" ht="20.100000000000001" customHeight="1" x14ac:dyDescent="0.25">
      <c r="A23" s="148" t="s">
        <v>17</v>
      </c>
      <c r="B23" s="149"/>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48" t="s">
        <v>18</v>
      </c>
      <c r="B26" s="149"/>
      <c r="C26" s="15"/>
      <c r="D26" s="15"/>
      <c r="E26" s="15"/>
    </row>
    <row r="27" spans="1:5" s="9" customFormat="1" ht="31.5" customHeight="1" x14ac:dyDescent="0.25">
      <c r="A27" s="20" t="s">
        <v>70</v>
      </c>
      <c r="B27" s="162" t="s">
        <v>12</v>
      </c>
      <c r="C27" s="163"/>
      <c r="D27" s="21" t="s">
        <v>11</v>
      </c>
      <c r="E27" s="21" t="s">
        <v>13</v>
      </c>
    </row>
    <row r="28" spans="1:5" s="9" customFormat="1" ht="24.95" customHeight="1" x14ac:dyDescent="0.25">
      <c r="A28" s="18" t="s">
        <v>71</v>
      </c>
      <c r="B28" s="152" t="s">
        <v>125</v>
      </c>
      <c r="C28" s="153"/>
      <c r="D28" s="19" t="s">
        <v>1</v>
      </c>
      <c r="E28" s="91">
        <v>18200</v>
      </c>
    </row>
    <row r="29" spans="1:5" s="9" customFormat="1" ht="24.95" customHeight="1" x14ac:dyDescent="0.25">
      <c r="A29" s="18" t="s">
        <v>91</v>
      </c>
      <c r="B29" s="152" t="s">
        <v>126</v>
      </c>
      <c r="C29" s="153"/>
      <c r="D29" s="19" t="s">
        <v>1</v>
      </c>
      <c r="E29" s="91">
        <v>28820</v>
      </c>
    </row>
    <row r="30" spans="1:5" s="9" customFormat="1" ht="24.95" customHeight="1" x14ac:dyDescent="0.25">
      <c r="A30" s="18" t="s">
        <v>92</v>
      </c>
      <c r="B30" s="152" t="s">
        <v>127</v>
      </c>
      <c r="C30" s="153"/>
      <c r="D30" s="19" t="s">
        <v>1</v>
      </c>
      <c r="E30" s="91">
        <v>66400</v>
      </c>
    </row>
    <row r="31" spans="1:5" s="9" customFormat="1" ht="24.95" customHeight="1" x14ac:dyDescent="0.25">
      <c r="A31" s="18" t="s">
        <v>93</v>
      </c>
      <c r="B31" s="152" t="s">
        <v>128</v>
      </c>
      <c r="C31" s="153"/>
      <c r="D31" s="19" t="s">
        <v>1</v>
      </c>
      <c r="E31" s="91">
        <v>9600</v>
      </c>
    </row>
    <row r="32" spans="1:5" s="9" customFormat="1" ht="24.95" customHeight="1" x14ac:dyDescent="0.25">
      <c r="A32" s="18" t="s">
        <v>177</v>
      </c>
      <c r="B32" s="152" t="s">
        <v>180</v>
      </c>
      <c r="C32" s="153"/>
      <c r="D32" s="19" t="s">
        <v>1</v>
      </c>
      <c r="E32" s="91">
        <v>7400</v>
      </c>
    </row>
    <row r="33" spans="1:6" s="9" customFormat="1" ht="24.95" customHeight="1" x14ac:dyDescent="0.25">
      <c r="A33" s="18" t="s">
        <v>178</v>
      </c>
      <c r="B33" s="152" t="s">
        <v>179</v>
      </c>
      <c r="C33" s="153"/>
      <c r="D33" s="19" t="s">
        <v>1</v>
      </c>
      <c r="E33" s="91">
        <v>1700</v>
      </c>
    </row>
    <row r="34" spans="1:6" s="9" customFormat="1" ht="4.5" customHeight="1" x14ac:dyDescent="0.25">
      <c r="A34" s="15"/>
      <c r="B34" s="15"/>
      <c r="C34" s="15"/>
      <c r="D34" s="15"/>
      <c r="E34" s="15"/>
    </row>
    <row r="35" spans="1:6" s="9" customFormat="1" ht="20.100000000000001" customHeight="1" x14ac:dyDescent="0.25">
      <c r="A35" s="148" t="s">
        <v>19</v>
      </c>
      <c r="B35" s="149"/>
      <c r="C35" s="15"/>
      <c r="D35" s="15"/>
      <c r="E35" s="15"/>
    </row>
    <row r="36" spans="1:6" s="9" customFormat="1" ht="20.100000000000001" customHeight="1" x14ac:dyDescent="0.2">
      <c r="A36" s="10"/>
      <c r="B36" s="9" t="s">
        <v>2</v>
      </c>
      <c r="C36" s="15"/>
      <c r="D36" s="15"/>
      <c r="E36" s="15"/>
    </row>
    <row r="37" spans="1:6" s="9" customFormat="1" ht="20.100000000000001" customHeight="1" x14ac:dyDescent="0.25">
      <c r="A37" s="14"/>
      <c r="B37" s="2" t="s">
        <v>3</v>
      </c>
      <c r="C37" s="15"/>
      <c r="D37" s="15"/>
      <c r="E37" s="15"/>
    </row>
    <row r="38" spans="1:6" ht="5.0999999999999996" customHeight="1" x14ac:dyDescent="0.2"/>
    <row r="39" spans="1:6" s="2" customFormat="1" ht="20.100000000000001" customHeight="1" x14ac:dyDescent="0.25">
      <c r="A39" s="143" t="s">
        <v>24</v>
      </c>
      <c r="B39" s="143"/>
      <c r="C39" s="143"/>
      <c r="D39" s="143"/>
      <c r="E39" s="143"/>
    </row>
    <row r="40" spans="1:6" s="2" customFormat="1" ht="5.0999999999999996" customHeight="1" thickBot="1" x14ac:dyDescent="0.3">
      <c r="A40" s="17"/>
      <c r="C40" s="6"/>
      <c r="D40" s="6"/>
      <c r="E40" s="6"/>
    </row>
    <row r="41" spans="1:6" s="3" customFormat="1" ht="93" customHeight="1" x14ac:dyDescent="0.25">
      <c r="A41" s="126" t="s">
        <v>0</v>
      </c>
      <c r="B41" s="127"/>
      <c r="C41" s="130" t="s">
        <v>26</v>
      </c>
      <c r="D41" s="131"/>
      <c r="E41" s="132"/>
      <c r="F41" s="26"/>
    </row>
    <row r="42" spans="1:6" s="3" customFormat="1" ht="30" customHeight="1" thickBot="1" x14ac:dyDescent="0.3">
      <c r="A42" s="128"/>
      <c r="B42" s="129"/>
      <c r="C42" s="27" t="s">
        <v>27</v>
      </c>
      <c r="D42" s="159" t="s">
        <v>28</v>
      </c>
      <c r="E42" s="160"/>
    </row>
    <row r="43" spans="1:6" s="28" customFormat="1" ht="30.75" customHeight="1" x14ac:dyDescent="0.25">
      <c r="A43" s="111" t="s">
        <v>129</v>
      </c>
      <c r="B43" s="112"/>
      <c r="C43" s="48"/>
      <c r="D43" s="48"/>
      <c r="E43" s="49"/>
    </row>
    <row r="44" spans="1:6" s="4" customFormat="1" ht="30" customHeight="1" x14ac:dyDescent="0.25">
      <c r="A44" s="56" t="s">
        <v>94</v>
      </c>
      <c r="B44" s="57" t="s">
        <v>130</v>
      </c>
      <c r="C44" s="51"/>
      <c r="D44" s="104"/>
      <c r="E44" s="105"/>
    </row>
    <row r="45" spans="1:6" s="4" customFormat="1" ht="24.95" customHeight="1" x14ac:dyDescent="0.25">
      <c r="A45" s="56" t="s">
        <v>95</v>
      </c>
      <c r="B45" s="57" t="s">
        <v>131</v>
      </c>
      <c r="C45" s="51"/>
      <c r="D45" s="104"/>
      <c r="E45" s="105"/>
    </row>
    <row r="46" spans="1:6" s="4" customFormat="1" ht="24.95" customHeight="1" x14ac:dyDescent="0.25">
      <c r="A46" s="56" t="s">
        <v>96</v>
      </c>
      <c r="B46" s="57" t="s">
        <v>132</v>
      </c>
      <c r="C46" s="51"/>
      <c r="D46" s="104"/>
      <c r="E46" s="105"/>
    </row>
    <row r="47" spans="1:6" s="4" customFormat="1" ht="30" customHeight="1" x14ac:dyDescent="0.25">
      <c r="A47" s="58" t="s">
        <v>97</v>
      </c>
      <c r="B47" s="57" t="s">
        <v>133</v>
      </c>
      <c r="C47" s="51"/>
      <c r="D47" s="104"/>
      <c r="E47" s="105"/>
    </row>
    <row r="48" spans="1:6" s="4" customFormat="1" ht="30" customHeight="1" x14ac:dyDescent="0.25">
      <c r="A48" s="58" t="s">
        <v>98</v>
      </c>
      <c r="B48" s="57" t="s">
        <v>148</v>
      </c>
      <c r="C48" s="51"/>
      <c r="D48" s="104"/>
      <c r="E48" s="105"/>
    </row>
    <row r="49" spans="1:5" s="4" customFormat="1" ht="24.95" customHeight="1" x14ac:dyDescent="0.25">
      <c r="A49" s="58" t="s">
        <v>99</v>
      </c>
      <c r="B49" s="57" t="s">
        <v>101</v>
      </c>
      <c r="C49" s="51"/>
      <c r="D49" s="104"/>
      <c r="E49" s="105"/>
    </row>
    <row r="50" spans="1:5" s="4" customFormat="1" ht="24.95" customHeight="1" thickBot="1" x14ac:dyDescent="0.3">
      <c r="A50" s="58" t="s">
        <v>100</v>
      </c>
      <c r="B50" s="57" t="s">
        <v>134</v>
      </c>
      <c r="C50" s="51"/>
      <c r="D50" s="104"/>
      <c r="E50" s="105"/>
    </row>
    <row r="51" spans="1:5" s="28" customFormat="1" ht="30.75" customHeight="1" x14ac:dyDescent="0.25">
      <c r="A51" s="111" t="s">
        <v>135</v>
      </c>
      <c r="B51" s="112"/>
      <c r="C51" s="48"/>
      <c r="D51" s="48"/>
      <c r="E51" s="49"/>
    </row>
    <row r="52" spans="1:5" s="4" customFormat="1" ht="30" customHeight="1" x14ac:dyDescent="0.25">
      <c r="A52" s="56" t="s">
        <v>102</v>
      </c>
      <c r="B52" s="87" t="s">
        <v>130</v>
      </c>
      <c r="C52" s="51"/>
      <c r="D52" s="106"/>
      <c r="E52" s="101"/>
    </row>
    <row r="53" spans="1:5" s="4" customFormat="1" ht="24.95" customHeight="1" x14ac:dyDescent="0.25">
      <c r="A53" s="56" t="s">
        <v>103</v>
      </c>
      <c r="B53" s="87" t="s">
        <v>131</v>
      </c>
      <c r="C53" s="51"/>
      <c r="D53" s="106"/>
      <c r="E53" s="101"/>
    </row>
    <row r="54" spans="1:5" s="4" customFormat="1" ht="24.95" customHeight="1" x14ac:dyDescent="0.25">
      <c r="A54" s="56" t="s">
        <v>104</v>
      </c>
      <c r="B54" s="87" t="s">
        <v>132</v>
      </c>
      <c r="C54" s="51"/>
      <c r="D54" s="106"/>
      <c r="E54" s="101"/>
    </row>
    <row r="55" spans="1:5" s="4" customFormat="1" ht="30" customHeight="1" x14ac:dyDescent="0.25">
      <c r="A55" s="58" t="s">
        <v>105</v>
      </c>
      <c r="B55" s="87" t="s">
        <v>133</v>
      </c>
      <c r="C55" s="51"/>
      <c r="D55" s="106"/>
      <c r="E55" s="101"/>
    </row>
    <row r="56" spans="1:5" s="4" customFormat="1" ht="30" customHeight="1" x14ac:dyDescent="0.25">
      <c r="A56" s="58" t="s">
        <v>106</v>
      </c>
      <c r="B56" s="87" t="s">
        <v>147</v>
      </c>
      <c r="C56" s="51"/>
      <c r="D56" s="106"/>
      <c r="E56" s="101"/>
    </row>
    <row r="57" spans="1:5" s="4" customFormat="1" ht="24.95" customHeight="1" thickBot="1" x14ac:dyDescent="0.3">
      <c r="A57" s="58" t="s">
        <v>107</v>
      </c>
      <c r="B57" s="87" t="s">
        <v>134</v>
      </c>
      <c r="C57" s="51"/>
      <c r="D57" s="106"/>
      <c r="E57" s="101"/>
    </row>
    <row r="58" spans="1:5" s="28" customFormat="1" ht="30.75" customHeight="1" x14ac:dyDescent="0.25">
      <c r="A58" s="111" t="s">
        <v>136</v>
      </c>
      <c r="B58" s="112"/>
      <c r="C58" s="48"/>
      <c r="D58" s="48"/>
      <c r="E58" s="49"/>
    </row>
    <row r="59" spans="1:5" s="4" customFormat="1" ht="30" customHeight="1" x14ac:dyDescent="0.25">
      <c r="A59" s="56" t="s">
        <v>72</v>
      </c>
      <c r="B59" s="87" t="s">
        <v>138</v>
      </c>
      <c r="C59" s="51"/>
      <c r="D59" s="106"/>
      <c r="E59" s="101"/>
    </row>
    <row r="60" spans="1:5" s="4" customFormat="1" ht="24.95" customHeight="1" x14ac:dyDescent="0.25">
      <c r="A60" s="56" t="s">
        <v>73</v>
      </c>
      <c r="B60" s="87" t="s">
        <v>131</v>
      </c>
      <c r="C60" s="51"/>
      <c r="D60" s="106"/>
      <c r="E60" s="101"/>
    </row>
    <row r="61" spans="1:5" s="4" customFormat="1" ht="24.95" customHeight="1" x14ac:dyDescent="0.25">
      <c r="A61" s="58" t="s">
        <v>74</v>
      </c>
      <c r="B61" s="87" t="s">
        <v>132</v>
      </c>
      <c r="C61" s="51"/>
      <c r="D61" s="106"/>
      <c r="E61" s="101"/>
    </row>
    <row r="62" spans="1:5" s="4" customFormat="1" ht="24.95" customHeight="1" x14ac:dyDescent="0.25">
      <c r="A62" s="58" t="s">
        <v>75</v>
      </c>
      <c r="B62" s="87" t="s">
        <v>139</v>
      </c>
      <c r="C62" s="51"/>
      <c r="D62" s="106"/>
      <c r="E62" s="101"/>
    </row>
    <row r="63" spans="1:5" s="4" customFormat="1" ht="30" customHeight="1" x14ac:dyDescent="0.25">
      <c r="A63" s="58" t="s">
        <v>76</v>
      </c>
      <c r="B63" s="87" t="s">
        <v>140</v>
      </c>
      <c r="C63" s="51"/>
      <c r="D63" s="106"/>
      <c r="E63" s="101"/>
    </row>
    <row r="64" spans="1:5" s="4" customFormat="1" ht="24.95" customHeight="1" x14ac:dyDescent="0.25">
      <c r="A64" s="58" t="s">
        <v>108</v>
      </c>
      <c r="B64" s="87" t="s">
        <v>141</v>
      </c>
      <c r="C64" s="51"/>
      <c r="D64" s="106"/>
      <c r="E64" s="101"/>
    </row>
    <row r="65" spans="1:5" s="4" customFormat="1" ht="24.95" customHeight="1" x14ac:dyDescent="0.25">
      <c r="A65" s="58" t="s">
        <v>109</v>
      </c>
      <c r="B65" s="87" t="s">
        <v>142</v>
      </c>
      <c r="C65" s="51"/>
      <c r="D65" s="106"/>
      <c r="E65" s="101"/>
    </row>
    <row r="66" spans="1:5" s="4" customFormat="1" ht="30" customHeight="1" x14ac:dyDescent="0.25">
      <c r="A66" s="58" t="s">
        <v>110</v>
      </c>
      <c r="B66" s="87" t="s">
        <v>146</v>
      </c>
      <c r="C66" s="51"/>
      <c r="D66" s="106"/>
      <c r="E66" s="101"/>
    </row>
    <row r="67" spans="1:5" s="4" customFormat="1" ht="24.95" customHeight="1" thickBot="1" x14ac:dyDescent="0.3">
      <c r="A67" s="58" t="s">
        <v>111</v>
      </c>
      <c r="B67" s="87" t="s">
        <v>134</v>
      </c>
      <c r="C67" s="51"/>
      <c r="D67" s="106"/>
      <c r="E67" s="101"/>
    </row>
    <row r="68" spans="1:5" s="28" customFormat="1" ht="30.75" customHeight="1" thickBot="1" x14ac:dyDescent="0.3">
      <c r="A68" s="113" t="s">
        <v>137</v>
      </c>
      <c r="B68" s="114"/>
      <c r="C68" s="48"/>
      <c r="D68" s="79"/>
      <c r="E68" s="80"/>
    </row>
    <row r="69" spans="1:5" s="4" customFormat="1" ht="30" customHeight="1" x14ac:dyDescent="0.25">
      <c r="A69" s="74" t="s">
        <v>112</v>
      </c>
      <c r="B69" s="88" t="s">
        <v>143</v>
      </c>
      <c r="C69" s="78"/>
      <c r="D69" s="115"/>
      <c r="E69" s="116"/>
    </row>
    <row r="70" spans="1:5" s="4" customFormat="1" ht="30" customHeight="1" x14ac:dyDescent="0.25">
      <c r="A70" s="75" t="s">
        <v>113</v>
      </c>
      <c r="B70" s="89" t="s">
        <v>144</v>
      </c>
      <c r="C70" s="78"/>
      <c r="D70" s="100"/>
      <c r="E70" s="101"/>
    </row>
    <row r="71" spans="1:5" s="4" customFormat="1" ht="24.95" customHeight="1" x14ac:dyDescent="0.25">
      <c r="A71" s="75" t="s">
        <v>114</v>
      </c>
      <c r="B71" s="89" t="s">
        <v>132</v>
      </c>
      <c r="C71" s="78"/>
      <c r="D71" s="100"/>
      <c r="E71" s="101"/>
    </row>
    <row r="72" spans="1:5" s="4" customFormat="1" ht="24.95" customHeight="1" x14ac:dyDescent="0.25">
      <c r="A72" s="76" t="s">
        <v>115</v>
      </c>
      <c r="B72" s="89" t="s">
        <v>139</v>
      </c>
      <c r="C72" s="78"/>
      <c r="D72" s="100"/>
      <c r="E72" s="101"/>
    </row>
    <row r="73" spans="1:5" s="4" customFormat="1" ht="30" customHeight="1" x14ac:dyDescent="0.25">
      <c r="A73" s="76" t="s">
        <v>116</v>
      </c>
      <c r="B73" s="89" t="s">
        <v>145</v>
      </c>
      <c r="C73" s="78"/>
      <c r="D73" s="100"/>
      <c r="E73" s="101"/>
    </row>
    <row r="74" spans="1:5" s="4" customFormat="1" ht="24.95" customHeight="1" x14ac:dyDescent="0.25">
      <c r="A74" s="76" t="s">
        <v>117</v>
      </c>
      <c r="B74" s="89" t="s">
        <v>141</v>
      </c>
      <c r="C74" s="78"/>
      <c r="D74" s="100"/>
      <c r="E74" s="101"/>
    </row>
    <row r="75" spans="1:5" s="4" customFormat="1" ht="24.95" customHeight="1" x14ac:dyDescent="0.25">
      <c r="A75" s="76" t="s">
        <v>118</v>
      </c>
      <c r="B75" s="89" t="s">
        <v>142</v>
      </c>
      <c r="C75" s="78"/>
      <c r="D75" s="100"/>
      <c r="E75" s="101"/>
    </row>
    <row r="76" spans="1:5" s="4" customFormat="1" ht="30" customHeight="1" x14ac:dyDescent="0.25">
      <c r="A76" s="76" t="s">
        <v>119</v>
      </c>
      <c r="B76" s="89" t="s">
        <v>149</v>
      </c>
      <c r="C76" s="78"/>
      <c r="D76" s="100"/>
      <c r="E76" s="101"/>
    </row>
    <row r="77" spans="1:5" s="4" customFormat="1" ht="24.95" customHeight="1" thickBot="1" x14ac:dyDescent="0.3">
      <c r="A77" s="77" t="s">
        <v>120</v>
      </c>
      <c r="B77" s="90" t="s">
        <v>134</v>
      </c>
      <c r="C77" s="78"/>
      <c r="D77" s="102"/>
      <c r="E77" s="103"/>
    </row>
    <row r="78" spans="1:5" s="28" customFormat="1" ht="30.75" customHeight="1" x14ac:dyDescent="0.25">
      <c r="A78" s="111" t="s">
        <v>181</v>
      </c>
      <c r="B78" s="112"/>
      <c r="C78" s="48"/>
      <c r="D78" s="48"/>
      <c r="E78" s="49"/>
    </row>
    <row r="79" spans="1:5" s="4" customFormat="1" ht="30" customHeight="1" x14ac:dyDescent="0.25">
      <c r="A79" s="58">
        <v>44566</v>
      </c>
      <c r="B79" s="87" t="s">
        <v>182</v>
      </c>
      <c r="C79" s="51"/>
      <c r="D79" s="106"/>
      <c r="E79" s="101"/>
    </row>
    <row r="80" spans="1:5" s="4" customFormat="1" ht="24.95" customHeight="1" x14ac:dyDescent="0.25">
      <c r="A80" s="58">
        <v>44597</v>
      </c>
      <c r="B80" s="87" t="s">
        <v>183</v>
      </c>
      <c r="C80" s="51"/>
      <c r="D80" s="106"/>
      <c r="E80" s="101"/>
    </row>
    <row r="81" spans="1:5" s="4" customFormat="1" ht="24.95" customHeight="1" x14ac:dyDescent="0.25">
      <c r="A81" s="58">
        <v>44625</v>
      </c>
      <c r="B81" s="87" t="s">
        <v>184</v>
      </c>
      <c r="C81" s="51"/>
      <c r="D81" s="106"/>
      <c r="E81" s="101"/>
    </row>
    <row r="82" spans="1:5" s="4" customFormat="1" ht="24.95" customHeight="1" x14ac:dyDescent="0.25">
      <c r="A82" s="58">
        <v>44656</v>
      </c>
      <c r="B82" s="87" t="s">
        <v>185</v>
      </c>
      <c r="C82" s="51"/>
      <c r="D82" s="106"/>
      <c r="E82" s="101"/>
    </row>
    <row r="83" spans="1:5" s="4" customFormat="1" ht="30" customHeight="1" x14ac:dyDescent="0.25">
      <c r="A83" s="58">
        <v>44686</v>
      </c>
      <c r="B83" s="87" t="s">
        <v>131</v>
      </c>
      <c r="C83" s="51"/>
      <c r="D83" s="106"/>
      <c r="E83" s="101"/>
    </row>
    <row r="84" spans="1:5" s="4" customFormat="1" ht="24.95" customHeight="1" x14ac:dyDescent="0.25">
      <c r="A84" s="58">
        <v>44717</v>
      </c>
      <c r="B84" s="87" t="s">
        <v>132</v>
      </c>
      <c r="C84" s="51"/>
      <c r="D84" s="106"/>
      <c r="E84" s="101"/>
    </row>
    <row r="85" spans="1:5" s="4" customFormat="1" ht="24.95" customHeight="1" x14ac:dyDescent="0.25">
      <c r="A85" s="58">
        <v>44747</v>
      </c>
      <c r="B85" s="87" t="s">
        <v>186</v>
      </c>
      <c r="C85" s="51"/>
      <c r="D85" s="106"/>
      <c r="E85" s="101"/>
    </row>
    <row r="86" spans="1:5" s="4" customFormat="1" ht="30" customHeight="1" x14ac:dyDescent="0.25">
      <c r="A86" s="58">
        <v>44778</v>
      </c>
      <c r="B86" s="87" t="s">
        <v>192</v>
      </c>
      <c r="C86" s="51"/>
      <c r="D86" s="106"/>
      <c r="E86" s="101"/>
    </row>
    <row r="87" spans="1:5" s="4" customFormat="1" ht="24.95" customHeight="1" x14ac:dyDescent="0.25">
      <c r="A87" s="58">
        <v>44809</v>
      </c>
      <c r="B87" s="87" t="s">
        <v>187</v>
      </c>
      <c r="C87" s="51"/>
      <c r="D87" s="106"/>
      <c r="E87" s="101"/>
    </row>
    <row r="88" spans="1:5" s="4" customFormat="1" ht="30" customHeight="1" x14ac:dyDescent="0.25">
      <c r="A88" s="58">
        <v>44839</v>
      </c>
      <c r="B88" s="87" t="s">
        <v>188</v>
      </c>
      <c r="C88" s="51"/>
      <c r="D88" s="106"/>
      <c r="E88" s="101"/>
    </row>
    <row r="89" spans="1:5" s="4" customFormat="1" ht="24.95" customHeight="1" x14ac:dyDescent="0.25">
      <c r="A89" s="58">
        <v>44870</v>
      </c>
      <c r="B89" s="87" t="s">
        <v>189</v>
      </c>
      <c r="C89" s="51"/>
      <c r="D89" s="106"/>
      <c r="E89" s="101"/>
    </row>
    <row r="90" spans="1:5" s="4" customFormat="1" ht="30" customHeight="1" x14ac:dyDescent="0.25">
      <c r="A90" s="58">
        <v>44900</v>
      </c>
      <c r="B90" s="87" t="s">
        <v>142</v>
      </c>
      <c r="C90" s="51"/>
      <c r="D90" s="106"/>
      <c r="E90" s="101"/>
    </row>
    <row r="91" spans="1:5" s="4" customFormat="1" ht="30" customHeight="1" x14ac:dyDescent="0.25">
      <c r="A91" s="165">
        <v>41395</v>
      </c>
      <c r="B91" s="87" t="s">
        <v>190</v>
      </c>
      <c r="C91" s="51"/>
      <c r="D91" s="106"/>
      <c r="E91" s="101"/>
    </row>
    <row r="92" spans="1:5" s="4" customFormat="1" ht="30" customHeight="1" thickBot="1" x14ac:dyDescent="0.3">
      <c r="A92" s="165">
        <v>41760</v>
      </c>
      <c r="B92" s="87" t="s">
        <v>191</v>
      </c>
      <c r="C92" s="51"/>
      <c r="D92" s="106"/>
      <c r="E92" s="101"/>
    </row>
    <row r="93" spans="1:5" s="28" customFormat="1" ht="30.75" customHeight="1" thickBot="1" x14ac:dyDescent="0.3">
      <c r="A93" s="113" t="s">
        <v>193</v>
      </c>
      <c r="B93" s="114"/>
      <c r="C93" s="48"/>
      <c r="D93" s="79"/>
      <c r="E93" s="80"/>
    </row>
    <row r="94" spans="1:5" s="4" customFormat="1" ht="30" customHeight="1" x14ac:dyDescent="0.25">
      <c r="A94" s="166">
        <v>44567</v>
      </c>
      <c r="B94" s="88" t="s">
        <v>182</v>
      </c>
      <c r="C94" s="78"/>
      <c r="D94" s="115"/>
      <c r="E94" s="116"/>
    </row>
    <row r="95" spans="1:5" s="4" customFormat="1" ht="30" customHeight="1" x14ac:dyDescent="0.25">
      <c r="A95" s="76">
        <v>44598</v>
      </c>
      <c r="B95" s="89" t="s">
        <v>194</v>
      </c>
      <c r="C95" s="78"/>
      <c r="D95" s="100"/>
      <c r="E95" s="101"/>
    </row>
    <row r="96" spans="1:5" s="4" customFormat="1" ht="24.95" customHeight="1" x14ac:dyDescent="0.25">
      <c r="A96" s="76">
        <v>44626</v>
      </c>
      <c r="B96" s="89" t="s">
        <v>185</v>
      </c>
      <c r="C96" s="78"/>
      <c r="D96" s="100"/>
      <c r="E96" s="101"/>
    </row>
    <row r="97" spans="1:6" s="4" customFormat="1" ht="24.95" customHeight="1" x14ac:dyDescent="0.25">
      <c r="A97" s="76">
        <v>44657</v>
      </c>
      <c r="B97" s="89" t="s">
        <v>131</v>
      </c>
      <c r="C97" s="78"/>
      <c r="D97" s="100"/>
      <c r="E97" s="101"/>
    </row>
    <row r="98" spans="1:6" s="4" customFormat="1" ht="30" customHeight="1" x14ac:dyDescent="0.25">
      <c r="A98" s="76">
        <v>44687</v>
      </c>
      <c r="B98" s="89" t="s">
        <v>132</v>
      </c>
      <c r="C98" s="78"/>
      <c r="D98" s="100"/>
      <c r="E98" s="101"/>
    </row>
    <row r="99" spans="1:6" s="4" customFormat="1" ht="24.95" customHeight="1" x14ac:dyDescent="0.25">
      <c r="A99" s="76">
        <v>44718</v>
      </c>
      <c r="B99" s="89" t="s">
        <v>186</v>
      </c>
      <c r="C99" s="78"/>
      <c r="D99" s="100"/>
      <c r="E99" s="101"/>
    </row>
    <row r="100" spans="1:6" s="4" customFormat="1" ht="24.95" customHeight="1" x14ac:dyDescent="0.25">
      <c r="A100" s="76">
        <v>44748</v>
      </c>
      <c r="B100" s="89" t="s">
        <v>195</v>
      </c>
      <c r="C100" s="78"/>
      <c r="D100" s="100"/>
      <c r="E100" s="101"/>
    </row>
    <row r="101" spans="1:6" s="4" customFormat="1" ht="30" customHeight="1" x14ac:dyDescent="0.25">
      <c r="A101" s="76">
        <v>44779</v>
      </c>
      <c r="B101" s="89" t="s">
        <v>140</v>
      </c>
      <c r="C101" s="78"/>
      <c r="D101" s="100"/>
      <c r="E101" s="101"/>
    </row>
    <row r="102" spans="1:6" s="4" customFormat="1" ht="24.95" customHeight="1" x14ac:dyDescent="0.25">
      <c r="A102" s="76">
        <v>44810</v>
      </c>
      <c r="B102" s="89" t="s">
        <v>189</v>
      </c>
      <c r="C102" s="78"/>
      <c r="D102" s="100"/>
      <c r="E102" s="101"/>
    </row>
    <row r="103" spans="1:6" s="4" customFormat="1" ht="30" customHeight="1" x14ac:dyDescent="0.25">
      <c r="A103" s="76">
        <v>44840</v>
      </c>
      <c r="B103" s="89" t="s">
        <v>196</v>
      </c>
      <c r="C103" s="78"/>
      <c r="D103" s="100"/>
      <c r="E103" s="101"/>
    </row>
    <row r="104" spans="1:6" s="4" customFormat="1" ht="30" customHeight="1" x14ac:dyDescent="0.25">
      <c r="A104" s="76">
        <v>44871</v>
      </c>
      <c r="B104" s="89" t="s">
        <v>197</v>
      </c>
      <c r="C104" s="78"/>
      <c r="D104" s="100"/>
      <c r="E104" s="101"/>
    </row>
    <row r="105" spans="1:6" s="4" customFormat="1" ht="24.95" customHeight="1" thickBot="1" x14ac:dyDescent="0.3">
      <c r="A105" s="77">
        <v>44901</v>
      </c>
      <c r="B105" s="90" t="s">
        <v>191</v>
      </c>
      <c r="C105" s="78"/>
      <c r="D105" s="102"/>
      <c r="E105" s="103"/>
    </row>
    <row r="106" spans="1:6" s="3" customFormat="1" ht="5.0999999999999996" customHeight="1" x14ac:dyDescent="0.25">
      <c r="A106" s="5"/>
      <c r="B106" s="5"/>
      <c r="C106" s="59"/>
      <c r="D106" s="7"/>
      <c r="E106" s="29"/>
    </row>
    <row r="107" spans="1:6" s="2" customFormat="1" ht="20.100000000000001" customHeight="1" x14ac:dyDescent="0.25">
      <c r="A107" s="143" t="s">
        <v>49</v>
      </c>
      <c r="B107" s="143"/>
      <c r="C107" s="143"/>
      <c r="D107" s="143"/>
      <c r="E107" s="143"/>
    </row>
    <row r="108" spans="1:6" s="2" customFormat="1" ht="5.0999999999999996" customHeight="1" thickBot="1" x14ac:dyDescent="0.3">
      <c r="A108" s="17"/>
      <c r="C108" s="6"/>
      <c r="D108" s="6"/>
      <c r="E108" s="6"/>
    </row>
    <row r="109" spans="1:6" s="3" customFormat="1" ht="69" customHeight="1" x14ac:dyDescent="0.25">
      <c r="A109" s="126" t="s">
        <v>7</v>
      </c>
      <c r="B109" s="127"/>
      <c r="C109" s="130" t="s">
        <v>29</v>
      </c>
      <c r="D109" s="131"/>
      <c r="E109" s="132"/>
    </row>
    <row r="110" spans="1:6" s="3" customFormat="1" ht="30" customHeight="1" thickBot="1" x14ac:dyDescent="0.3">
      <c r="A110" s="128"/>
      <c r="B110" s="129"/>
      <c r="C110" s="27" t="s">
        <v>6</v>
      </c>
      <c r="D110" s="133" t="s">
        <v>30</v>
      </c>
      <c r="E110" s="134"/>
    </row>
    <row r="111" spans="1:6" s="3" customFormat="1" ht="54.95" customHeight="1" x14ac:dyDescent="0.25">
      <c r="A111" s="60" t="s">
        <v>15</v>
      </c>
      <c r="B111" s="92" t="s">
        <v>150</v>
      </c>
      <c r="C111" s="61"/>
      <c r="D111" s="107"/>
      <c r="E111" s="108"/>
    </row>
    <row r="112" spans="1:6" s="2" customFormat="1" ht="57.75" customHeight="1" x14ac:dyDescent="0.25">
      <c r="A112" s="62" t="s">
        <v>61</v>
      </c>
      <c r="B112" s="93" t="s">
        <v>151</v>
      </c>
      <c r="C112" s="63"/>
      <c r="D112" s="109"/>
      <c r="E112" s="110"/>
      <c r="F112" s="154"/>
    </row>
    <row r="113" spans="1:6" s="2" customFormat="1" ht="20.100000000000001" customHeight="1" x14ac:dyDescent="0.25">
      <c r="A113" s="62" t="s">
        <v>62</v>
      </c>
      <c r="B113" s="93" t="s">
        <v>152</v>
      </c>
      <c r="C113" s="63"/>
      <c r="D113" s="109"/>
      <c r="E113" s="110"/>
      <c r="F113" s="154"/>
    </row>
    <row r="114" spans="1:6" s="2" customFormat="1" ht="39.950000000000003" customHeight="1" x14ac:dyDescent="0.25">
      <c r="A114" s="62" t="s">
        <v>72</v>
      </c>
      <c r="B114" s="93" t="s">
        <v>153</v>
      </c>
      <c r="C114" s="63"/>
      <c r="D114" s="109"/>
      <c r="E114" s="110"/>
      <c r="F114" s="154"/>
    </row>
    <row r="115" spans="1:6" s="3" customFormat="1" ht="29.25" customHeight="1" x14ac:dyDescent="0.25">
      <c r="A115" s="62" t="s">
        <v>73</v>
      </c>
      <c r="B115" s="93" t="s">
        <v>154</v>
      </c>
      <c r="C115" s="63"/>
      <c r="D115" s="109"/>
      <c r="E115" s="110"/>
      <c r="F115" s="154"/>
    </row>
    <row r="116" spans="1:6" s="3" customFormat="1" ht="24.95" customHeight="1" x14ac:dyDescent="0.25">
      <c r="A116" s="62" t="s">
        <v>74</v>
      </c>
      <c r="B116" s="93" t="s">
        <v>155</v>
      </c>
      <c r="C116" s="63"/>
      <c r="D116" s="109"/>
      <c r="E116" s="110"/>
      <c r="F116" s="154"/>
    </row>
    <row r="117" spans="1:6" s="3" customFormat="1" ht="50.1" customHeight="1" x14ac:dyDescent="0.25">
      <c r="A117" s="62" t="s">
        <v>75</v>
      </c>
      <c r="B117" s="93" t="s">
        <v>156</v>
      </c>
      <c r="C117" s="63"/>
      <c r="D117" s="109"/>
      <c r="E117" s="110"/>
      <c r="F117" s="154"/>
    </row>
    <row r="118" spans="1:6" s="2" customFormat="1" ht="131.25" customHeight="1" x14ac:dyDescent="0.25">
      <c r="A118" s="62" t="s">
        <v>76</v>
      </c>
      <c r="B118" s="93" t="s">
        <v>157</v>
      </c>
      <c r="C118" s="63"/>
      <c r="D118" s="109"/>
      <c r="E118" s="110"/>
      <c r="F118" s="154"/>
    </row>
    <row r="119" spans="1:6" s="2" customFormat="1" ht="142.5" customHeight="1" x14ac:dyDescent="0.25">
      <c r="A119" s="62" t="s">
        <v>63</v>
      </c>
      <c r="B119" s="93" t="s">
        <v>158</v>
      </c>
      <c r="C119" s="63"/>
      <c r="D119" s="109"/>
      <c r="E119" s="110"/>
    </row>
    <row r="120" spans="1:6" s="2" customFormat="1" ht="55.5" customHeight="1" x14ac:dyDescent="0.25">
      <c r="A120" s="62" t="s">
        <v>64</v>
      </c>
      <c r="B120" s="93" t="s">
        <v>159</v>
      </c>
      <c r="C120" s="63"/>
      <c r="D120" s="109"/>
      <c r="E120" s="110"/>
    </row>
    <row r="121" spans="1:6" s="3" customFormat="1" ht="60.75" customHeight="1" x14ac:dyDescent="0.25">
      <c r="A121" s="62" t="s">
        <v>65</v>
      </c>
      <c r="B121" s="93" t="s">
        <v>160</v>
      </c>
      <c r="C121" s="63"/>
      <c r="D121" s="109"/>
      <c r="E121" s="110"/>
    </row>
    <row r="122" spans="1:6" s="31" customFormat="1" ht="79.5" customHeight="1" x14ac:dyDescent="0.25">
      <c r="A122" s="62" t="s">
        <v>66</v>
      </c>
      <c r="B122" s="94" t="s">
        <v>161</v>
      </c>
      <c r="C122" s="63"/>
      <c r="D122" s="117"/>
      <c r="E122" s="118"/>
    </row>
    <row r="123" spans="1:6" s="31" customFormat="1" ht="84.75" customHeight="1" x14ac:dyDescent="0.25">
      <c r="A123" s="62" t="s">
        <v>67</v>
      </c>
      <c r="B123" s="95" t="s">
        <v>162</v>
      </c>
      <c r="C123" s="63"/>
      <c r="D123" s="117"/>
      <c r="E123" s="118"/>
    </row>
    <row r="124" spans="1:6" s="2" customFormat="1" ht="288" customHeight="1" x14ac:dyDescent="0.25">
      <c r="A124" s="62" t="s">
        <v>68</v>
      </c>
      <c r="B124" s="93" t="s">
        <v>163</v>
      </c>
      <c r="C124" s="63"/>
      <c r="D124" s="109"/>
      <c r="E124" s="110"/>
    </row>
    <row r="125" spans="1:6" s="2" customFormat="1" ht="134.25" customHeight="1" x14ac:dyDescent="0.25">
      <c r="A125" s="62" t="s">
        <v>77</v>
      </c>
      <c r="B125" s="93" t="s">
        <v>164</v>
      </c>
      <c r="C125" s="63"/>
      <c r="D125" s="109"/>
      <c r="E125" s="110"/>
    </row>
    <row r="126" spans="1:6" s="2" customFormat="1" ht="286.5" customHeight="1" x14ac:dyDescent="0.25">
      <c r="A126" s="62" t="s">
        <v>78</v>
      </c>
      <c r="B126" s="93" t="s">
        <v>165</v>
      </c>
      <c r="C126" s="63"/>
      <c r="D126" s="109"/>
      <c r="E126" s="110"/>
    </row>
    <row r="127" spans="1:6" s="3" customFormat="1" ht="141.75" customHeight="1" x14ac:dyDescent="0.25">
      <c r="A127" s="62" t="s">
        <v>79</v>
      </c>
      <c r="B127" s="93" t="s">
        <v>166</v>
      </c>
      <c r="C127" s="63"/>
      <c r="D127" s="109"/>
      <c r="E127" s="110"/>
    </row>
    <row r="128" spans="1:6" s="2" customFormat="1" ht="129.94999999999999" customHeight="1" x14ac:dyDescent="0.25">
      <c r="A128" s="62" t="s">
        <v>80</v>
      </c>
      <c r="B128" s="93" t="s">
        <v>176</v>
      </c>
      <c r="C128" s="63"/>
      <c r="D128" s="109"/>
      <c r="E128" s="110"/>
    </row>
    <row r="129" spans="1:6" s="3" customFormat="1" ht="120" customHeight="1" x14ac:dyDescent="0.25">
      <c r="A129" s="62" t="s">
        <v>81</v>
      </c>
      <c r="B129" s="93" t="s">
        <v>167</v>
      </c>
      <c r="C129" s="63"/>
      <c r="D129" s="109"/>
      <c r="E129" s="110"/>
    </row>
    <row r="130" spans="1:6" s="2" customFormat="1" ht="30" customHeight="1" x14ac:dyDescent="0.25">
      <c r="A130" s="62" t="s">
        <v>82</v>
      </c>
      <c r="B130" s="93" t="s">
        <v>168</v>
      </c>
      <c r="C130" s="63"/>
      <c r="D130" s="109"/>
      <c r="E130" s="110"/>
    </row>
    <row r="131" spans="1:6" s="2" customFormat="1" ht="54.95" customHeight="1" x14ac:dyDescent="0.25">
      <c r="A131" s="62" t="s">
        <v>83</v>
      </c>
      <c r="B131" s="93" t="s">
        <v>169</v>
      </c>
      <c r="C131" s="63"/>
      <c r="D131" s="109"/>
      <c r="E131" s="110"/>
    </row>
    <row r="132" spans="1:6" s="3" customFormat="1" ht="75" customHeight="1" x14ac:dyDescent="0.25">
      <c r="A132" s="62" t="s">
        <v>84</v>
      </c>
      <c r="B132" s="93" t="s">
        <v>170</v>
      </c>
      <c r="C132" s="63"/>
      <c r="D132" s="109"/>
      <c r="E132" s="110"/>
    </row>
    <row r="133" spans="1:6" s="3" customFormat="1" ht="80.25" customHeight="1" x14ac:dyDescent="0.25">
      <c r="A133" s="62" t="s">
        <v>85</v>
      </c>
      <c r="B133" s="93" t="s">
        <v>171</v>
      </c>
      <c r="C133" s="63"/>
      <c r="D133" s="109"/>
      <c r="E133" s="110"/>
    </row>
    <row r="134" spans="1:6" s="3" customFormat="1" ht="210" customHeight="1" x14ac:dyDescent="0.25">
      <c r="A134" s="64" t="s">
        <v>86</v>
      </c>
      <c r="B134" s="96" t="s">
        <v>172</v>
      </c>
      <c r="C134" s="63"/>
      <c r="D134" s="109"/>
      <c r="E134" s="110"/>
    </row>
    <row r="135" spans="1:6" ht="99.95" customHeight="1" x14ac:dyDescent="0.2">
      <c r="A135" s="62" t="s">
        <v>87</v>
      </c>
      <c r="B135" s="93" t="s">
        <v>173</v>
      </c>
      <c r="C135" s="63"/>
      <c r="D135" s="117"/>
      <c r="E135" s="118"/>
    </row>
    <row r="136" spans="1:6" s="2" customFormat="1" ht="129.94999999999999" customHeight="1" x14ac:dyDescent="0.25">
      <c r="A136" s="62" t="s">
        <v>88</v>
      </c>
      <c r="B136" s="93" t="s">
        <v>174</v>
      </c>
      <c r="C136" s="63"/>
      <c r="D136" s="109"/>
      <c r="E136" s="110"/>
    </row>
    <row r="137" spans="1:6" s="2" customFormat="1" ht="90" customHeight="1" thickBot="1" x14ac:dyDescent="0.3">
      <c r="A137" s="82" t="s">
        <v>89</v>
      </c>
      <c r="B137" s="97" t="s">
        <v>175</v>
      </c>
      <c r="C137" s="65"/>
      <c r="D137" s="120"/>
      <c r="E137" s="121"/>
    </row>
    <row r="138" spans="1:6" s="70" customFormat="1" ht="26.25" customHeight="1" x14ac:dyDescent="0.25">
      <c r="A138" s="66"/>
      <c r="B138" s="67"/>
      <c r="C138" s="68"/>
      <c r="D138" s="68"/>
      <c r="E138" s="69"/>
    </row>
    <row r="139" spans="1:6" s="2" customFormat="1" ht="20.100000000000001" customHeight="1" x14ac:dyDescent="0.25">
      <c r="A139" s="122" t="s">
        <v>55</v>
      </c>
      <c r="B139" s="122"/>
      <c r="C139" s="122"/>
      <c r="D139" s="122"/>
      <c r="E139" s="122"/>
      <c r="F139" s="154"/>
    </row>
    <row r="140" spans="1:6" s="2" customFormat="1" ht="4.5" customHeight="1" thickBot="1" x14ac:dyDescent="0.3">
      <c r="F140" s="154"/>
    </row>
    <row r="141" spans="1:6" s="2" customFormat="1" ht="80.25" customHeight="1" x14ac:dyDescent="0.25">
      <c r="A141" s="126" t="s">
        <v>69</v>
      </c>
      <c r="B141" s="127"/>
      <c r="C141" s="130" t="s">
        <v>56</v>
      </c>
      <c r="D141" s="131"/>
      <c r="E141" s="132"/>
      <c r="F141" s="154"/>
    </row>
    <row r="142" spans="1:6" s="3" customFormat="1" ht="29.25" customHeight="1" thickBot="1" x14ac:dyDescent="0.3">
      <c r="A142" s="128"/>
      <c r="B142" s="129"/>
      <c r="C142" s="27" t="s">
        <v>6</v>
      </c>
      <c r="D142" s="133" t="s">
        <v>30</v>
      </c>
      <c r="E142" s="134"/>
      <c r="F142" s="154"/>
    </row>
    <row r="143" spans="1:6" s="3" customFormat="1" ht="39" customHeight="1" x14ac:dyDescent="0.25">
      <c r="A143" s="47" t="s">
        <v>31</v>
      </c>
      <c r="B143" s="71" t="s">
        <v>59</v>
      </c>
      <c r="C143" s="45"/>
      <c r="D143" s="137"/>
      <c r="E143" s="138"/>
      <c r="F143" s="154"/>
    </row>
    <row r="144" spans="1:6" s="3" customFormat="1" ht="27.95" customHeight="1" x14ac:dyDescent="0.25">
      <c r="A144" s="13" t="s">
        <v>32</v>
      </c>
      <c r="B144" s="72" t="s">
        <v>58</v>
      </c>
      <c r="C144" s="43"/>
      <c r="D144" s="139"/>
      <c r="E144" s="140"/>
      <c r="F144" s="154"/>
    </row>
    <row r="145" spans="1:6" s="2" customFormat="1" ht="36.6" customHeight="1" thickBot="1" x14ac:dyDescent="0.3">
      <c r="A145" s="85" t="s">
        <v>33</v>
      </c>
      <c r="B145" s="86" t="s">
        <v>57</v>
      </c>
      <c r="C145" s="44"/>
      <c r="D145" s="135"/>
      <c r="E145" s="136"/>
      <c r="F145" s="154"/>
    </row>
    <row r="146" spans="1:6" s="2" customFormat="1" ht="69.95" customHeight="1" thickBot="1" x14ac:dyDescent="0.3">
      <c r="A146" s="83" t="s">
        <v>122</v>
      </c>
      <c r="B146" s="84" t="s">
        <v>123</v>
      </c>
      <c r="C146" s="44"/>
      <c r="D146" s="98"/>
      <c r="E146" s="99"/>
      <c r="F146" s="81"/>
    </row>
    <row r="147" spans="1:6" s="2" customFormat="1" ht="5.0999999999999996" customHeight="1" x14ac:dyDescent="0.25">
      <c r="A147" s="5"/>
      <c r="B147" s="5"/>
      <c r="C147" s="7"/>
      <c r="D147" s="7"/>
      <c r="E147" s="29"/>
    </row>
    <row r="148" spans="1:6" s="2" customFormat="1" ht="20.100000000000001" customHeight="1" x14ac:dyDescent="0.25">
      <c r="A148" s="143" t="s">
        <v>14</v>
      </c>
      <c r="B148" s="143"/>
      <c r="C148" s="143"/>
      <c r="D148" s="143"/>
      <c r="E148" s="143"/>
    </row>
    <row r="149" spans="1:6" s="70" customFormat="1" ht="30" customHeight="1" x14ac:dyDescent="0.25">
      <c r="A149" s="67" t="s">
        <v>16</v>
      </c>
      <c r="B149" s="144" t="s">
        <v>121</v>
      </c>
      <c r="C149" s="144"/>
      <c r="D149" s="144"/>
      <c r="E149" s="144"/>
    </row>
    <row r="150" spans="1:6" s="73" customFormat="1" ht="30" customHeight="1" x14ac:dyDescent="0.25">
      <c r="A150" s="67" t="s">
        <v>34</v>
      </c>
      <c r="B150" s="145" t="s">
        <v>35</v>
      </c>
      <c r="C150" s="145"/>
      <c r="D150" s="145"/>
      <c r="E150" s="145"/>
    </row>
    <row r="151" spans="1:6" s="31" customFormat="1" ht="30" customHeight="1" x14ac:dyDescent="0.25">
      <c r="A151" s="119" t="s">
        <v>36</v>
      </c>
      <c r="B151" s="119"/>
      <c r="C151" s="119"/>
      <c r="D151" s="119"/>
      <c r="E151" s="3"/>
    </row>
    <row r="152" spans="1:6" s="2" customFormat="1" ht="28.5" customHeight="1" x14ac:dyDescent="0.25">
      <c r="A152" s="30" t="s">
        <v>37</v>
      </c>
      <c r="B152" s="142"/>
      <c r="C152" s="142"/>
      <c r="E152" s="31"/>
    </row>
    <row r="153" spans="1:6" s="2" customFormat="1" ht="27" customHeight="1" x14ac:dyDescent="0.25">
      <c r="A153" s="30" t="s">
        <v>38</v>
      </c>
      <c r="B153" s="123"/>
      <c r="C153" s="123"/>
      <c r="E153" s="31"/>
    </row>
    <row r="154" spans="1:6" s="2" customFormat="1" ht="26.45" customHeight="1" x14ac:dyDescent="0.25">
      <c r="A154" s="30" t="s">
        <v>39</v>
      </c>
      <c r="B154" s="123"/>
      <c r="C154" s="123"/>
      <c r="E154" s="31"/>
    </row>
    <row r="155" spans="1:6" s="3" customFormat="1" ht="29.1" customHeight="1" x14ac:dyDescent="0.25">
      <c r="A155" s="30" t="s">
        <v>40</v>
      </c>
      <c r="B155" s="123"/>
      <c r="C155" s="123"/>
      <c r="D155" s="2"/>
      <c r="E155" s="32"/>
    </row>
    <row r="156" spans="1:6" s="2" customFormat="1" ht="46.5" customHeight="1" x14ac:dyDescent="0.2">
      <c r="A156" s="11"/>
      <c r="B156" s="12"/>
      <c r="C156" s="12"/>
      <c r="E156" s="33"/>
    </row>
    <row r="157" spans="1:6" s="3" customFormat="1" ht="15" customHeight="1" x14ac:dyDescent="0.25">
      <c r="A157" s="124" t="s">
        <v>41</v>
      </c>
      <c r="B157" s="124"/>
      <c r="C157" s="124"/>
      <c r="D157" s="124"/>
      <c r="E157" s="124"/>
    </row>
    <row r="158" spans="1:6" s="2" customFormat="1" ht="36.75" customHeight="1" x14ac:dyDescent="0.25">
      <c r="A158" s="125" t="s">
        <v>52</v>
      </c>
      <c r="B158" s="125"/>
      <c r="C158" s="125"/>
      <c r="D158" s="125"/>
      <c r="E158" s="125"/>
    </row>
    <row r="159" spans="1:6" s="2" customFormat="1" ht="20.100000000000001" customHeight="1" x14ac:dyDescent="0.2">
      <c r="A159" s="1"/>
      <c r="B159" s="1"/>
      <c r="C159" s="8"/>
      <c r="D159" s="8"/>
    </row>
    <row r="160" spans="1:6" s="3" customFormat="1" ht="4.5" customHeight="1" x14ac:dyDescent="0.2">
      <c r="A160" s="1"/>
      <c r="B160" s="1"/>
      <c r="C160" s="8"/>
      <c r="D160" s="8"/>
      <c r="E160" s="2"/>
    </row>
    <row r="161" spans="1:5" s="3" customFormat="1" ht="20.100000000000001" customHeight="1" x14ac:dyDescent="0.25">
      <c r="A161" s="34" t="s">
        <v>42</v>
      </c>
      <c r="B161" s="54"/>
      <c r="C161" s="35" t="s">
        <v>43</v>
      </c>
      <c r="D161" s="141"/>
      <c r="E161" s="141"/>
    </row>
    <row r="162" spans="1:5" s="3" customFormat="1" ht="20.100000000000001" customHeight="1" x14ac:dyDescent="0.25">
      <c r="A162" s="50" t="s">
        <v>44</v>
      </c>
      <c r="B162" s="55"/>
      <c r="C162" s="36"/>
      <c r="D162" s="37"/>
      <c r="E162" s="37"/>
    </row>
    <row r="163" spans="1:5" ht="20.100000000000001" customHeight="1" x14ac:dyDescent="0.2">
      <c r="C163" s="38" t="s">
        <v>45</v>
      </c>
      <c r="D163" s="142"/>
      <c r="E163" s="142"/>
    </row>
    <row r="164" spans="1:5" s="2" customFormat="1" ht="20.100000000000001" customHeight="1" x14ac:dyDescent="0.2">
      <c r="A164" s="1"/>
      <c r="B164" s="1"/>
      <c r="C164" s="38" t="s">
        <v>46</v>
      </c>
      <c r="D164" s="123"/>
      <c r="E164" s="123"/>
    </row>
    <row r="165" spans="1:5" s="2" customFormat="1" ht="20.100000000000001" customHeight="1" x14ac:dyDescent="0.2">
      <c r="A165" s="1"/>
      <c r="B165" s="1"/>
      <c r="C165" s="39" t="s">
        <v>47</v>
      </c>
      <c r="D165" s="1"/>
    </row>
    <row r="166" spans="1:5" s="2" customFormat="1" ht="37.5" customHeight="1" x14ac:dyDescent="0.25"/>
    <row r="167" spans="1:5" s="2" customFormat="1" ht="24" customHeight="1" x14ac:dyDescent="0.25"/>
    <row r="168" spans="1:5" s="2" customFormat="1" ht="24" customHeight="1" x14ac:dyDescent="0.25"/>
    <row r="169" spans="1:5" s="2" customFormat="1" ht="24" customHeight="1" x14ac:dyDescent="0.25"/>
    <row r="170" spans="1:5" s="2" customFormat="1" ht="20.100000000000001" customHeight="1" x14ac:dyDescent="0.25"/>
    <row r="171" spans="1:5" s="2" customFormat="1" ht="20.100000000000001" customHeight="1" x14ac:dyDescent="0.25"/>
    <row r="172" spans="1:5" s="2" customFormat="1" ht="50.1" customHeight="1" x14ac:dyDescent="0.25"/>
    <row r="173" spans="1:5" s="2" customFormat="1" ht="43.5" customHeight="1" x14ac:dyDescent="0.25"/>
    <row r="174" spans="1:5" ht="24.75" customHeight="1" x14ac:dyDescent="0.2">
      <c r="A174" s="2"/>
      <c r="B174" s="2"/>
      <c r="C174" s="2"/>
      <c r="D174" s="2"/>
    </row>
    <row r="175" spans="1:5" x14ac:dyDescent="0.2">
      <c r="A175" s="2"/>
      <c r="B175" s="2"/>
      <c r="C175" s="2"/>
      <c r="D175" s="2"/>
    </row>
    <row r="176" spans="1:5" ht="20.100000000000001" customHeight="1" x14ac:dyDescent="0.2"/>
    <row r="177" ht="4.5" customHeight="1" x14ac:dyDescent="0.2"/>
    <row r="178" ht="20.100000000000001" customHeight="1" x14ac:dyDescent="0.2"/>
    <row r="179" ht="20.100000000000001" customHeight="1" x14ac:dyDescent="0.2"/>
    <row r="180" ht="20.100000000000001" customHeight="1" x14ac:dyDescent="0.2"/>
  </sheetData>
  <mergeCells count="147">
    <mergeCell ref="D102:E102"/>
    <mergeCell ref="D103:E103"/>
    <mergeCell ref="D104:E104"/>
    <mergeCell ref="D105:E105"/>
    <mergeCell ref="D90:E90"/>
    <mergeCell ref="D91:E91"/>
    <mergeCell ref="D86:E86"/>
    <mergeCell ref="D87:E87"/>
    <mergeCell ref="D88:E88"/>
    <mergeCell ref="D89:E89"/>
    <mergeCell ref="D98:E98"/>
    <mergeCell ref="D99:E99"/>
    <mergeCell ref="D100:E100"/>
    <mergeCell ref="D85:E85"/>
    <mergeCell ref="D92:E92"/>
    <mergeCell ref="A93:B93"/>
    <mergeCell ref="D94:E94"/>
    <mergeCell ref="D95:E95"/>
    <mergeCell ref="D96:E96"/>
    <mergeCell ref="D97:E97"/>
    <mergeCell ref="D101:E101"/>
    <mergeCell ref="B30:C30"/>
    <mergeCell ref="B31:C31"/>
    <mergeCell ref="A78:B78"/>
    <mergeCell ref="D79:E79"/>
    <mergeCell ref="D80:E80"/>
    <mergeCell ref="D81:E81"/>
    <mergeCell ref="D82:E82"/>
    <mergeCell ref="D83:E83"/>
    <mergeCell ref="D84:E84"/>
    <mergeCell ref="D115:E115"/>
    <mergeCell ref="D116:E116"/>
    <mergeCell ref="D117:E117"/>
    <mergeCell ref="F139:F145"/>
    <mergeCell ref="A3:E3"/>
    <mergeCell ref="A7:E7"/>
    <mergeCell ref="A8:E8"/>
    <mergeCell ref="A9:E9"/>
    <mergeCell ref="A11:E11"/>
    <mergeCell ref="A13:C13"/>
    <mergeCell ref="A41:B42"/>
    <mergeCell ref="C41:E41"/>
    <mergeCell ref="D42:E42"/>
    <mergeCell ref="A22:E22"/>
    <mergeCell ref="B27:C27"/>
    <mergeCell ref="B33:C33"/>
    <mergeCell ref="A35:B35"/>
    <mergeCell ref="A16:C16"/>
    <mergeCell ref="F112:F118"/>
    <mergeCell ref="A43:B43"/>
    <mergeCell ref="B32:C32"/>
    <mergeCell ref="B28:C28"/>
    <mergeCell ref="D133:E133"/>
    <mergeCell ref="D129:E129"/>
    <mergeCell ref="A1:E1"/>
    <mergeCell ref="A12:C12"/>
    <mergeCell ref="A23:B23"/>
    <mergeCell ref="A26:B26"/>
    <mergeCell ref="A109:B110"/>
    <mergeCell ref="C109:E109"/>
    <mergeCell ref="D110:E110"/>
    <mergeCell ref="D45:E45"/>
    <mergeCell ref="A107:E107"/>
    <mergeCell ref="A39:E39"/>
    <mergeCell ref="A17:C17"/>
    <mergeCell ref="A2:E2"/>
    <mergeCell ref="D48:E48"/>
    <mergeCell ref="D49:E49"/>
    <mergeCell ref="D50:E50"/>
    <mergeCell ref="A18:E18"/>
    <mergeCell ref="A19:E19"/>
    <mergeCell ref="A20:C20"/>
    <mergeCell ref="A21:E21"/>
    <mergeCell ref="D44:E44"/>
    <mergeCell ref="B29:C29"/>
    <mergeCell ref="A51:B51"/>
    <mergeCell ref="D52:E52"/>
    <mergeCell ref="D53:E53"/>
    <mergeCell ref="A151:D151"/>
    <mergeCell ref="D134:E134"/>
    <mergeCell ref="D135:E135"/>
    <mergeCell ref="D136:E136"/>
    <mergeCell ref="D137:E137"/>
    <mergeCell ref="A139:E139"/>
    <mergeCell ref="D164:E164"/>
    <mergeCell ref="A157:E157"/>
    <mergeCell ref="A158:E158"/>
    <mergeCell ref="A141:B142"/>
    <mergeCell ref="C141:E141"/>
    <mergeCell ref="D142:E142"/>
    <mergeCell ref="D145:E145"/>
    <mergeCell ref="D143:E143"/>
    <mergeCell ref="D144:E144"/>
    <mergeCell ref="D161:E161"/>
    <mergeCell ref="D163:E163"/>
    <mergeCell ref="B152:C152"/>
    <mergeCell ref="B153:C153"/>
    <mergeCell ref="B154:C154"/>
    <mergeCell ref="B155:C155"/>
    <mergeCell ref="A148:E148"/>
    <mergeCell ref="B149:E149"/>
    <mergeCell ref="B150:E150"/>
    <mergeCell ref="D128:E128"/>
    <mergeCell ref="D119:E119"/>
    <mergeCell ref="D120:E120"/>
    <mergeCell ref="D121:E121"/>
    <mergeCell ref="D122:E122"/>
    <mergeCell ref="D123:E123"/>
    <mergeCell ref="D125:E125"/>
    <mergeCell ref="D126:E126"/>
    <mergeCell ref="D124:E124"/>
    <mergeCell ref="A58:B58"/>
    <mergeCell ref="D59:E59"/>
    <mergeCell ref="D60:E60"/>
    <mergeCell ref="D56:E56"/>
    <mergeCell ref="D57:E57"/>
    <mergeCell ref="D66:E66"/>
    <mergeCell ref="D67:E67"/>
    <mergeCell ref="A68:B68"/>
    <mergeCell ref="D69:E69"/>
    <mergeCell ref="D63:E63"/>
    <mergeCell ref="D64:E64"/>
    <mergeCell ref="D65:E65"/>
    <mergeCell ref="D146:E146"/>
    <mergeCell ref="D75:E75"/>
    <mergeCell ref="D76:E76"/>
    <mergeCell ref="D77:E77"/>
    <mergeCell ref="D46:E46"/>
    <mergeCell ref="D47:E47"/>
    <mergeCell ref="D54:E54"/>
    <mergeCell ref="D55:E55"/>
    <mergeCell ref="D61:E61"/>
    <mergeCell ref="D62:E62"/>
    <mergeCell ref="D70:E70"/>
    <mergeCell ref="D73:E73"/>
    <mergeCell ref="D74:E74"/>
    <mergeCell ref="D71:E71"/>
    <mergeCell ref="D72:E72"/>
    <mergeCell ref="D111:E111"/>
    <mergeCell ref="D112:E112"/>
    <mergeCell ref="D118:E118"/>
    <mergeCell ref="D113:E113"/>
    <mergeCell ref="D114:E114"/>
    <mergeCell ref="D130:E130"/>
    <mergeCell ref="D131:E131"/>
    <mergeCell ref="D132:E132"/>
    <mergeCell ref="D127:E127"/>
  </mergeCells>
  <conditionalFormatting sqref="B152:C155 C44:C50 C54:C57 C61:C65 C71:C75">
    <cfRule type="containsBlanks" dxfId="25" priority="49">
      <formula>LEN(TRIM(B44))=0</formula>
    </cfRule>
  </conditionalFormatting>
  <conditionalFormatting sqref="D163:E163">
    <cfRule type="containsBlanks" dxfId="24" priority="48">
      <formula>LEN(TRIM(D163))=0</formula>
    </cfRule>
  </conditionalFormatting>
  <conditionalFormatting sqref="D164:E164">
    <cfRule type="containsBlanks" dxfId="23" priority="47">
      <formula>LEN(TRIM(D164))=0</formula>
    </cfRule>
  </conditionalFormatting>
  <conditionalFormatting sqref="C143">
    <cfRule type="containsBlanks" dxfId="22" priority="38">
      <formula>LEN(TRIM(C143))=0</formula>
    </cfRule>
  </conditionalFormatting>
  <conditionalFormatting sqref="C144">
    <cfRule type="containsBlanks" dxfId="21" priority="37">
      <formula>LEN(TRIM(C144))=0</formula>
    </cfRule>
  </conditionalFormatting>
  <conditionalFormatting sqref="C145">
    <cfRule type="containsBlanks" dxfId="20" priority="35">
      <formula>LEN(TRIM(C145))=0</formula>
    </cfRule>
  </conditionalFormatting>
  <conditionalFormatting sqref="B161">
    <cfRule type="containsBlanks" dxfId="19" priority="28">
      <formula>LEN(TRIM(B161))=0</formula>
    </cfRule>
  </conditionalFormatting>
  <conditionalFormatting sqref="B4">
    <cfRule type="containsBlanks" dxfId="18" priority="30">
      <formula>LEN(TRIM(B4))=0</formula>
    </cfRule>
  </conditionalFormatting>
  <conditionalFormatting sqref="B5">
    <cfRule type="containsBlanks" dxfId="17" priority="29">
      <formula>LEN(TRIM(B5))=0</formula>
    </cfRule>
  </conditionalFormatting>
  <conditionalFormatting sqref="B162">
    <cfRule type="containsBlanks" dxfId="16" priority="27">
      <formula>LEN(TRIM(B162))=0</formula>
    </cfRule>
  </conditionalFormatting>
  <conditionalFormatting sqref="C111:C137">
    <cfRule type="containsBlanks" dxfId="15" priority="23">
      <formula>LEN(TRIM(C111))=0</formula>
    </cfRule>
  </conditionalFormatting>
  <conditionalFormatting sqref="C52:C53">
    <cfRule type="containsBlanks" dxfId="14" priority="20">
      <formula>LEN(TRIM(C52))=0</formula>
    </cfRule>
  </conditionalFormatting>
  <conditionalFormatting sqref="C59:C60">
    <cfRule type="containsBlanks" dxfId="13" priority="18">
      <formula>LEN(TRIM(C59))=0</formula>
    </cfRule>
  </conditionalFormatting>
  <conditionalFormatting sqref="C66:C67">
    <cfRule type="containsBlanks" dxfId="12" priority="17">
      <formula>LEN(TRIM(C66))=0</formula>
    </cfRule>
  </conditionalFormatting>
  <conditionalFormatting sqref="C69:C70">
    <cfRule type="containsBlanks" dxfId="11" priority="16">
      <formula>LEN(TRIM(C69))=0</formula>
    </cfRule>
  </conditionalFormatting>
  <conditionalFormatting sqref="C76:C77">
    <cfRule type="containsBlanks" dxfId="10" priority="15">
      <formula>LEN(TRIM(C76))=0</formula>
    </cfRule>
  </conditionalFormatting>
  <conditionalFormatting sqref="C146">
    <cfRule type="containsBlanks" dxfId="9" priority="10">
      <formula>LEN(TRIM(C146))=0</formula>
    </cfRule>
  </conditionalFormatting>
  <conditionalFormatting sqref="C81:C85 C96:C97 C101:C103">
    <cfRule type="containsBlanks" dxfId="8" priority="9">
      <formula>LEN(TRIM(C81))=0</formula>
    </cfRule>
  </conditionalFormatting>
  <conditionalFormatting sqref="C79:C80">
    <cfRule type="containsBlanks" dxfId="7" priority="8">
      <formula>LEN(TRIM(C79))=0</formula>
    </cfRule>
  </conditionalFormatting>
  <conditionalFormatting sqref="C92">
    <cfRule type="containsBlanks" dxfId="6" priority="7">
      <formula>LEN(TRIM(C92))=0</formula>
    </cfRule>
  </conditionalFormatting>
  <conditionalFormatting sqref="C94:C95">
    <cfRule type="containsBlanks" dxfId="5" priority="6">
      <formula>LEN(TRIM(C94))=0</formula>
    </cfRule>
  </conditionalFormatting>
  <conditionalFormatting sqref="C104:C105">
    <cfRule type="containsBlanks" dxfId="4" priority="5">
      <formula>LEN(TRIM(C104))=0</formula>
    </cfRule>
  </conditionalFormatting>
  <conditionalFormatting sqref="C90:C91">
    <cfRule type="containsBlanks" dxfId="3" priority="4">
      <formula>LEN(TRIM(C90))=0</formula>
    </cfRule>
  </conditionalFormatting>
  <conditionalFormatting sqref="C88:C89">
    <cfRule type="containsBlanks" dxfId="2" priority="3">
      <formula>LEN(TRIM(C88))=0</formula>
    </cfRule>
  </conditionalFormatting>
  <conditionalFormatting sqref="C86:C87">
    <cfRule type="containsBlanks" dxfId="1" priority="2">
      <formula>LEN(TRIM(C86))=0</formula>
    </cfRule>
  </conditionalFormatting>
  <conditionalFormatting sqref="C98:C100">
    <cfRule type="containsBlanks" dxfId="0" priority="1">
      <formula>LEN(TRIM(C98))=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38"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5</xdr:row>
                    <xdr:rowOff>38100</xdr:rowOff>
                  </from>
                  <to>
                    <xdr:col>0</xdr:col>
                    <xdr:colOff>533400</xdr:colOff>
                    <xdr:row>36</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6</xdr:row>
                    <xdr:rowOff>0</xdr:rowOff>
                  </from>
                  <to>
                    <xdr:col>0</xdr:col>
                    <xdr:colOff>52387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5-16T07:14:10Z</dcterms:modified>
</cp:coreProperties>
</file>